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3_出雲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2" uniqueCount="750">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みはら眼科皮膚科</t>
    <phoneticPr fontId="3"/>
  </si>
  <si>
    <t>〒693-0001 出雲市今市町３１５ー１</t>
    <phoneticPr fontId="3"/>
  </si>
  <si>
    <t>〇</t>
  </si>
  <si>
    <t>複数の診療科で活用</t>
  </si>
  <si>
    <t>眼科</t>
  </si>
  <si>
    <t>皮膚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1865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1</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11</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1</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1</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748</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749</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1</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2</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2</v>
      </c>
      <c r="K171" s="118" t="str">
        <f t="shared" ref="K171:K186" si="2">IF(OR(COUNTIF(L171:O171,"未確認")&gt;0,COUNTIF(L171:O171,"*")&gt;0),"※","")</f>
        <v/>
      </c>
      <c r="L171" s="212">
        <v>0</v>
      </c>
      <c r="M171" s="212">
        <v>0</v>
      </c>
      <c r="N171" s="212">
        <v>2</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v>0</v>
      </c>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2</v>
      </c>
      <c r="K173" s="118" t="str">
        <f t="shared" si="2"/>
        <v/>
      </c>
      <c r="L173" s="212">
        <v>0</v>
      </c>
      <c r="M173" s="212">
        <v>0</v>
      </c>
      <c r="N173" s="212">
        <v>2</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v>0</v>
      </c>
      <c r="M174" s="213">
        <v>0</v>
      </c>
      <c r="N174" s="213">
        <v>0</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3</v>
      </c>
      <c r="K175" s="118" t="str">
        <f t="shared" si="2"/>
        <v/>
      </c>
      <c r="L175" s="212">
        <v>0</v>
      </c>
      <c r="M175" s="212">
        <v>0</v>
      </c>
      <c r="N175" s="212">
        <v>3</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v>0</v>
      </c>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v>0</v>
      </c>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v>0</v>
      </c>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v>0</v>
      </c>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v>0</v>
      </c>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v>0</v>
      </c>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v>0</v>
      </c>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v>0</v>
      </c>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v>0</v>
      </c>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v>0</v>
      </c>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v>0</v>
      </c>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v>0</v>
      </c>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746</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497</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948</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497</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497</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497</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0</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0</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497</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497</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0</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497</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497</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v>0</v>
      </c>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0</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2:50Z</dcterms:modified>
</cp:coreProperties>
</file>